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6" sheetId="43" r:id="rId1"/>
  </sheets>
  <calcPr calcId="152511"/>
</workbook>
</file>

<file path=xl/sharedStrings.xml><?xml version="1.0" encoding="utf-8"?>
<sst xmlns="http://schemas.openxmlformats.org/spreadsheetml/2006/main" count="198" uniqueCount="70">
  <si>
    <t>-</t>
    <phoneticPr fontId="1"/>
  </si>
  <si>
    <t>総数</t>
    <rPh sb="0" eb="2">
      <t>ソウスウ</t>
    </rPh>
    <phoneticPr fontId="1"/>
  </si>
  <si>
    <t>（単位：人）</t>
    <rPh sb="1" eb="3">
      <t>タンイ</t>
    </rPh>
    <rPh sb="4" eb="5">
      <t>ヒト</t>
    </rPh>
    <phoneticPr fontId="1"/>
  </si>
  <si>
    <t>漁業</t>
    <rPh sb="0" eb="2">
      <t>ギョギョウ</t>
    </rPh>
    <phoneticPr fontId="1"/>
  </si>
  <si>
    <t>鉱業</t>
    <rPh sb="0" eb="2">
      <t>コウギョウ</t>
    </rPh>
    <phoneticPr fontId="1"/>
  </si>
  <si>
    <t>建設業</t>
    <rPh sb="0" eb="3">
      <t>ケンセツギョウ</t>
    </rPh>
    <phoneticPr fontId="1"/>
  </si>
  <si>
    <t>製造業</t>
    <rPh sb="0" eb="2">
      <t>セイゾウ</t>
    </rPh>
    <rPh sb="2" eb="3">
      <t>ギョウ</t>
    </rPh>
    <phoneticPr fontId="1"/>
  </si>
  <si>
    <t>不動産業</t>
    <rPh sb="0" eb="4">
      <t>フドウサンギョウ</t>
    </rPh>
    <phoneticPr fontId="1"/>
  </si>
  <si>
    <t>サービス業</t>
    <rPh sb="4" eb="5">
      <t>ギョウ</t>
    </rPh>
    <phoneticPr fontId="1"/>
  </si>
  <si>
    <t>公務</t>
    <rPh sb="0" eb="2">
      <t>コウム</t>
    </rPh>
    <phoneticPr fontId="1"/>
  </si>
  <si>
    <t>－高等学校－</t>
    <rPh sb="1" eb="3">
      <t>コウトウ</t>
    </rPh>
    <rPh sb="3" eb="5">
      <t>ガッコウ</t>
    </rPh>
    <phoneticPr fontId="1"/>
  </si>
  <si>
    <t>A</t>
    <phoneticPr fontId="1"/>
  </si>
  <si>
    <t>20-16　卒業者の産業大分類別就職者数</t>
    <rPh sb="6" eb="9">
      <t>ソツギョウシャ</t>
    </rPh>
    <rPh sb="10" eb="12">
      <t>サンギョウ</t>
    </rPh>
    <rPh sb="12" eb="15">
      <t>ダイブンルイ</t>
    </rPh>
    <rPh sb="15" eb="16">
      <t>ベツ</t>
    </rPh>
    <rPh sb="16" eb="19">
      <t>シュウショクシャ</t>
    </rPh>
    <rPh sb="19" eb="20">
      <t>カズ</t>
    </rPh>
    <phoneticPr fontId="1"/>
  </si>
  <si>
    <t>情報通信業</t>
    <rPh sb="0" eb="2">
      <t>ジョウホウ</t>
    </rPh>
    <rPh sb="2" eb="5">
      <t>ツウシンギョウ</t>
    </rPh>
    <phoneticPr fontId="1"/>
  </si>
  <si>
    <t>教育・学習支援業</t>
    <rPh sb="0" eb="2">
      <t>キョウイク</t>
    </rPh>
    <rPh sb="3" eb="7">
      <t>ガクシュウシエン</t>
    </rPh>
    <rPh sb="7" eb="8">
      <t>ギョウ</t>
    </rPh>
    <phoneticPr fontId="1"/>
  </si>
  <si>
    <t>複合サー
ビス業</t>
    <rPh sb="0" eb="2">
      <t>フクゴウ</t>
    </rPh>
    <rPh sb="7" eb="8">
      <t>ギョウ</t>
    </rPh>
    <phoneticPr fontId="1"/>
  </si>
  <si>
    <t>左記以外のもの</t>
    <rPh sb="0" eb="1">
      <t>ヒダリ</t>
    </rPh>
    <rPh sb="1" eb="2">
      <t>キ</t>
    </rPh>
    <rPh sb="2" eb="4">
      <t>イガイ</t>
    </rPh>
    <phoneticPr fontId="1"/>
  </si>
  <si>
    <t>-</t>
    <phoneticPr fontId="1"/>
  </si>
  <si>
    <t>農業・林業</t>
    <rPh sb="0" eb="2">
      <t>ノウギョウ</t>
    </rPh>
    <phoneticPr fontId="1"/>
  </si>
  <si>
    <t>T</t>
  </si>
  <si>
    <t>S</t>
  </si>
  <si>
    <t>R</t>
  </si>
  <si>
    <t>Q</t>
  </si>
  <si>
    <t>P</t>
  </si>
  <si>
    <t>O</t>
  </si>
  <si>
    <t>N</t>
  </si>
  <si>
    <t>M</t>
  </si>
  <si>
    <t>L</t>
  </si>
  <si>
    <t>K</t>
  </si>
  <si>
    <t>J</t>
  </si>
  <si>
    <t>I</t>
  </si>
  <si>
    <t>H</t>
  </si>
  <si>
    <t>G</t>
  </si>
  <si>
    <t>F</t>
  </si>
  <si>
    <t>E</t>
  </si>
  <si>
    <t>D</t>
  </si>
  <si>
    <t>C</t>
  </si>
  <si>
    <t>B</t>
  </si>
  <si>
    <t>－</t>
    <phoneticPr fontId="1"/>
  </si>
  <si>
    <t>-</t>
  </si>
  <si>
    <t>運輸業　　郵便業</t>
    <rPh sb="0" eb="3">
      <t>ウンユギョウ</t>
    </rPh>
    <rPh sb="5" eb="7">
      <t>ユウビン</t>
    </rPh>
    <rPh sb="7" eb="8">
      <t>ギョウ</t>
    </rPh>
    <phoneticPr fontId="1"/>
  </si>
  <si>
    <t>卸売業
小売業</t>
    <rPh sb="0" eb="3">
      <t>オロシウリギョウ</t>
    </rPh>
    <rPh sb="4" eb="5">
      <t>ショウ</t>
    </rPh>
    <rPh sb="5" eb="6">
      <t>ウ</t>
    </rPh>
    <rPh sb="6" eb="7">
      <t>ギョウ</t>
    </rPh>
    <phoneticPr fontId="1"/>
  </si>
  <si>
    <t>医療
福祉</t>
    <rPh sb="0" eb="2">
      <t>イリョウ</t>
    </rPh>
    <rPh sb="3" eb="5">
      <t>フクシ</t>
    </rPh>
    <phoneticPr fontId="1"/>
  </si>
  <si>
    <t>-</t>
    <phoneticPr fontId="1"/>
  </si>
  <si>
    <t>-</t>
    <phoneticPr fontId="1"/>
  </si>
  <si>
    <t>-</t>
    <phoneticPr fontId="1"/>
  </si>
  <si>
    <t>-</t>
    <phoneticPr fontId="1"/>
  </si>
  <si>
    <t>-</t>
    <phoneticPr fontId="1"/>
  </si>
  <si>
    <t>農業</t>
    <rPh sb="0" eb="2">
      <t>ノウギョウ</t>
    </rPh>
    <phoneticPr fontId="1"/>
  </si>
  <si>
    <t>林業</t>
    <rPh sb="0" eb="2">
      <t>リンギョウ</t>
    </rPh>
    <phoneticPr fontId="1"/>
  </si>
  <si>
    <t>運輸業</t>
    <rPh sb="0" eb="3">
      <t>ウンユギョウ</t>
    </rPh>
    <phoneticPr fontId="1"/>
  </si>
  <si>
    <t>-</t>
    <phoneticPr fontId="1"/>
  </si>
  <si>
    <t>鉱業・
採石業・
砂利採取業</t>
    <rPh sb="0" eb="2">
      <t>コウギョウ</t>
    </rPh>
    <rPh sb="4" eb="6">
      <t>サイセキ</t>
    </rPh>
    <rPh sb="6" eb="7">
      <t>ギョウ</t>
    </rPh>
    <rPh sb="9" eb="11">
      <t>ジャリ</t>
    </rPh>
    <rPh sb="11" eb="13">
      <t>サイシュ</t>
    </rPh>
    <rPh sb="13" eb="14">
      <t>ギョウ</t>
    </rPh>
    <phoneticPr fontId="1"/>
  </si>
  <si>
    <t>注1）就職者には就職進学者も含まれる。</t>
    <rPh sb="0" eb="1">
      <t>チュウ</t>
    </rPh>
    <rPh sb="3" eb="5">
      <t>シュウショク</t>
    </rPh>
    <rPh sb="5" eb="6">
      <t>シャ</t>
    </rPh>
    <rPh sb="8" eb="10">
      <t>シュウショク</t>
    </rPh>
    <rPh sb="10" eb="13">
      <t>シンガクシャ</t>
    </rPh>
    <rPh sb="14" eb="15">
      <t>フク</t>
    </rPh>
    <phoneticPr fontId="1"/>
  </si>
  <si>
    <t>注2）平成20年より産業大分類変更</t>
    <rPh sb="0" eb="1">
      <t>チュウ</t>
    </rPh>
    <rPh sb="3" eb="5">
      <t>ヘイセイ</t>
    </rPh>
    <rPh sb="7" eb="8">
      <t>ネン</t>
    </rPh>
    <rPh sb="10" eb="12">
      <t>サンギョウ</t>
    </rPh>
    <rPh sb="12" eb="13">
      <t>ダイ</t>
    </rPh>
    <rPh sb="13" eb="15">
      <t>ブンルイ</t>
    </rPh>
    <rPh sb="15" eb="17">
      <t>ヘンコウ</t>
    </rPh>
    <phoneticPr fontId="1"/>
  </si>
  <si>
    <t>-</t>
    <phoneticPr fontId="1"/>
  </si>
  <si>
    <t>電気・ガス
熱供給
水道業</t>
    <rPh sb="10" eb="13">
      <t>スイドウギョウ</t>
    </rPh>
    <phoneticPr fontId="1"/>
  </si>
  <si>
    <t>小売・
卸売業</t>
    <rPh sb="4" eb="7">
      <t>オロシウリギョウ</t>
    </rPh>
    <phoneticPr fontId="1"/>
  </si>
  <si>
    <t>金融・
保険業</t>
    <rPh sb="0" eb="2">
      <t>キンユウ</t>
    </rPh>
    <phoneticPr fontId="1"/>
  </si>
  <si>
    <t>福祉・
医療業</t>
    <rPh sb="4" eb="6">
      <t>イリョウ</t>
    </rPh>
    <rPh sb="6" eb="7">
      <t>ギョウ</t>
    </rPh>
    <phoneticPr fontId="1"/>
  </si>
  <si>
    <t>宿泊・
飲食店業</t>
    <rPh sb="4" eb="7">
      <t>インショクテン</t>
    </rPh>
    <rPh sb="7" eb="8">
      <t>ギョウ</t>
    </rPh>
    <phoneticPr fontId="1"/>
  </si>
  <si>
    <t>金融業
保険業</t>
    <rPh sb="0" eb="2">
      <t>キンユウ</t>
    </rPh>
    <rPh sb="2" eb="3">
      <t>ギョウ</t>
    </rPh>
    <phoneticPr fontId="1"/>
  </si>
  <si>
    <t>不動産業・
物品賃貸業</t>
    <rPh sb="0" eb="4">
      <t>フドウサンギョウ</t>
    </rPh>
    <rPh sb="6" eb="8">
      <t>ブッピン</t>
    </rPh>
    <rPh sb="8" eb="11">
      <t>チンタイギョウ</t>
    </rPh>
    <phoneticPr fontId="1"/>
  </si>
  <si>
    <t>宿泊業・
飲食サー
ビス業</t>
    <rPh sb="5" eb="7">
      <t>インショク</t>
    </rPh>
    <rPh sb="12" eb="13">
      <t>ギョウ</t>
    </rPh>
    <phoneticPr fontId="1"/>
  </si>
  <si>
    <t>学術研究、専門・技術サービス業</t>
    <rPh sb="0" eb="2">
      <t>ガクジュツ</t>
    </rPh>
    <rPh sb="2" eb="4">
      <t>ケンキュウ</t>
    </rPh>
    <rPh sb="5" eb="7">
      <t>センモン</t>
    </rPh>
    <rPh sb="8" eb="10">
      <t>ギジュツ</t>
    </rPh>
    <rPh sb="14" eb="15">
      <t>ギョウ</t>
    </rPh>
    <phoneticPr fontId="1"/>
  </si>
  <si>
    <t>生活関連サービス業・娯楽業</t>
    <rPh sb="0" eb="2">
      <t>セイカツ</t>
    </rPh>
    <rPh sb="2" eb="4">
      <t>カンレン</t>
    </rPh>
    <rPh sb="8" eb="9">
      <t>ギョウ</t>
    </rPh>
    <rPh sb="10" eb="13">
      <t>ゴラクギョウ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  <si>
    <t>区分</t>
    <rPh sb="0" eb="2">
      <t>クブン</t>
    </rPh>
    <phoneticPr fontId="1"/>
  </si>
  <si>
    <t>平成15年3月</t>
    <rPh sb="0" eb="2">
      <t>ヘイセイ</t>
    </rPh>
    <rPh sb="4" eb="5">
      <t>ネン</t>
    </rPh>
    <rPh sb="6" eb="7">
      <t>ガツ</t>
    </rPh>
    <phoneticPr fontId="1"/>
  </si>
  <si>
    <t>平成20年3月</t>
    <rPh sb="0" eb="2">
      <t>ヘイセイ</t>
    </rPh>
    <rPh sb="4" eb="5">
      <t>ネン</t>
    </rPh>
    <rPh sb="6" eb="7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9"/>
      <name val="明朝"/>
      <family val="1"/>
      <charset val="128"/>
    </font>
    <font>
      <sz val="11"/>
      <name val="HGP創英角ﾎﾟｯﾌﾟ体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49" fontId="2" fillId="0" borderId="0" xfId="0" applyNumberFormat="1" applyFont="1" applyAlignment="1">
      <alignment vertical="center"/>
    </xf>
    <xf numFmtId="0" fontId="3" fillId="0" borderId="0" xfId="0" applyFont="1"/>
    <xf numFmtId="0" fontId="6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distributed" textRotation="255"/>
    </xf>
    <xf numFmtId="0" fontId="7" fillId="0" borderId="0" xfId="0" applyFont="1"/>
    <xf numFmtId="0" fontId="6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 textRotation="255"/>
    </xf>
    <xf numFmtId="0" fontId="4" fillId="0" borderId="4" xfId="0" applyFont="1" applyBorder="1" applyAlignment="1">
      <alignment horizontal="center" vertical="distributed" textRotation="255"/>
    </xf>
    <xf numFmtId="0" fontId="4" fillId="0" borderId="4" xfId="0" applyFont="1" applyBorder="1" applyAlignment="1">
      <alignment vertical="center" textRotation="255"/>
    </xf>
    <xf numFmtId="0" fontId="4" fillId="0" borderId="5" xfId="0" applyFont="1" applyBorder="1" applyAlignment="1">
      <alignment vertical="center" textRotation="255"/>
    </xf>
    <xf numFmtId="0" fontId="6" fillId="0" borderId="6" xfId="0" applyFont="1" applyBorder="1" applyAlignment="1">
      <alignment horizontal="center" vertical="center"/>
    </xf>
    <xf numFmtId="0" fontId="4" fillId="0" borderId="0" xfId="0" applyFont="1" applyAlignment="1">
      <alignment horizontal="right"/>
    </xf>
    <xf numFmtId="0" fontId="4" fillId="0" borderId="7" xfId="0" applyFont="1" applyBorder="1" applyAlignment="1">
      <alignment horizontal="center" vertical="distributed" textRotation="255" wrapText="1"/>
    </xf>
    <xf numFmtId="0" fontId="4" fillId="0" borderId="7" xfId="0" applyFont="1" applyBorder="1" applyAlignment="1">
      <alignment horizontal="center" vertical="distributed" textRotation="255"/>
    </xf>
    <xf numFmtId="0" fontId="4" fillId="0" borderId="8" xfId="0" applyFont="1" applyBorder="1" applyAlignment="1">
      <alignment horizontal="center" vertical="distributed" textRotation="255"/>
    </xf>
    <xf numFmtId="0" fontId="6" fillId="0" borderId="7" xfId="0" applyFont="1" applyBorder="1" applyAlignment="1">
      <alignment horizontal="center" vertical="distributed" textRotation="255"/>
    </xf>
    <xf numFmtId="0" fontId="6" fillId="0" borderId="8" xfId="0" applyFont="1" applyBorder="1" applyAlignment="1">
      <alignment horizontal="center" vertical="distributed" textRotation="255"/>
    </xf>
    <xf numFmtId="0" fontId="4" fillId="0" borderId="9" xfId="0" applyFont="1" applyBorder="1" applyAlignment="1">
      <alignment horizontal="center" vertical="distributed" textRotation="255"/>
    </xf>
    <xf numFmtId="0" fontId="4" fillId="0" borderId="10" xfId="0" applyFont="1" applyBorder="1" applyAlignment="1">
      <alignment horizontal="center" vertical="distributed" textRotation="255"/>
    </xf>
    <xf numFmtId="0" fontId="6" fillId="0" borderId="7" xfId="0" applyFont="1" applyBorder="1" applyAlignment="1">
      <alignment horizontal="center" vertical="distributed" textRotation="255" wrapText="1"/>
    </xf>
    <xf numFmtId="0" fontId="5" fillId="0" borderId="7" xfId="0" applyFont="1" applyBorder="1" applyAlignment="1">
      <alignment horizontal="center" vertical="distributed" textRotation="255" wrapText="1"/>
    </xf>
    <xf numFmtId="0" fontId="5" fillId="0" borderId="7" xfId="0" applyFont="1" applyBorder="1" applyAlignment="1">
      <alignment horizontal="center" vertical="distributed" textRotation="255"/>
    </xf>
    <xf numFmtId="0" fontId="5" fillId="0" borderId="8" xfId="0" applyFont="1" applyBorder="1" applyAlignment="1">
      <alignment horizontal="center" vertical="distributed" textRotation="255"/>
    </xf>
    <xf numFmtId="0" fontId="4" fillId="0" borderId="0" xfId="0" applyFont="1" applyBorder="1" applyAlignment="1">
      <alignment horizontal="center" vertical="distributed" textRotation="255"/>
    </xf>
    <xf numFmtId="0" fontId="4" fillId="0" borderId="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12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distributed" textRotation="255"/>
    </xf>
    <xf numFmtId="0" fontId="0" fillId="0" borderId="8" xfId="0" applyFont="1" applyBorder="1" applyAlignment="1">
      <alignment horizontal="center" vertical="distributed" textRotation="255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33"/>
  <sheetViews>
    <sheetView tabSelected="1" workbookViewId="0"/>
  </sheetViews>
  <sheetFormatPr defaultRowHeight="13.5"/>
  <cols>
    <col min="1" max="1" width="11.125" style="2" customWidth="1"/>
    <col min="2" max="22" width="8.625" style="2" customWidth="1"/>
    <col min="23" max="16384" width="9" style="5"/>
  </cols>
  <sheetData>
    <row r="1" spans="1:22" ht="18.75" customHeight="1">
      <c r="A1" s="1" t="s">
        <v>12</v>
      </c>
      <c r="G1" s="4" t="s">
        <v>10</v>
      </c>
      <c r="U1" s="18" t="s">
        <v>2</v>
      </c>
    </row>
    <row r="2" spans="1:22" ht="13.5" customHeight="1">
      <c r="A2" s="31" t="s">
        <v>67</v>
      </c>
      <c r="B2" s="14"/>
      <c r="C2" s="15" t="s">
        <v>11</v>
      </c>
      <c r="D2" s="15" t="s">
        <v>37</v>
      </c>
      <c r="E2" s="15" t="s">
        <v>36</v>
      </c>
      <c r="F2" s="15" t="s">
        <v>35</v>
      </c>
      <c r="G2" s="15" t="s">
        <v>34</v>
      </c>
      <c r="H2" s="15" t="s">
        <v>33</v>
      </c>
      <c r="I2" s="15" t="s">
        <v>32</v>
      </c>
      <c r="J2" s="15" t="s">
        <v>31</v>
      </c>
      <c r="K2" s="15" t="s">
        <v>30</v>
      </c>
      <c r="L2" s="15" t="s">
        <v>29</v>
      </c>
      <c r="M2" s="15" t="s">
        <v>28</v>
      </c>
      <c r="N2" s="15" t="s">
        <v>27</v>
      </c>
      <c r="O2" s="15" t="s">
        <v>26</v>
      </c>
      <c r="P2" s="15" t="s">
        <v>25</v>
      </c>
      <c r="Q2" s="15" t="s">
        <v>24</v>
      </c>
      <c r="R2" s="15" t="s">
        <v>23</v>
      </c>
      <c r="S2" s="15" t="s">
        <v>22</v>
      </c>
      <c r="T2" s="15" t="s">
        <v>21</v>
      </c>
      <c r="U2" s="16" t="s">
        <v>20</v>
      </c>
      <c r="V2" s="13"/>
    </row>
    <row r="3" spans="1:22" ht="22.5" customHeight="1">
      <c r="A3" s="32"/>
      <c r="B3" s="20" t="s">
        <v>1</v>
      </c>
      <c r="C3" s="20" t="s">
        <v>48</v>
      </c>
      <c r="D3" s="20" t="s">
        <v>49</v>
      </c>
      <c r="E3" s="20" t="s">
        <v>3</v>
      </c>
      <c r="F3" s="20" t="s">
        <v>4</v>
      </c>
      <c r="G3" s="20" t="s">
        <v>5</v>
      </c>
      <c r="H3" s="20" t="s">
        <v>6</v>
      </c>
      <c r="I3" s="27" t="s">
        <v>56</v>
      </c>
      <c r="J3" s="19" t="s">
        <v>13</v>
      </c>
      <c r="K3" s="19" t="s">
        <v>50</v>
      </c>
      <c r="L3" s="19" t="s">
        <v>57</v>
      </c>
      <c r="M3" s="19" t="s">
        <v>58</v>
      </c>
      <c r="N3" s="22" t="s">
        <v>7</v>
      </c>
      <c r="O3" s="19" t="s">
        <v>60</v>
      </c>
      <c r="P3" s="19" t="s">
        <v>59</v>
      </c>
      <c r="Q3" s="19" t="s">
        <v>14</v>
      </c>
      <c r="R3" s="19" t="s">
        <v>15</v>
      </c>
      <c r="S3" s="22" t="s">
        <v>8</v>
      </c>
      <c r="T3" s="20" t="s">
        <v>9</v>
      </c>
      <c r="U3" s="24" t="s">
        <v>16</v>
      </c>
      <c r="V3" s="30"/>
    </row>
    <row r="4" spans="1:22" ht="22.5" customHeight="1">
      <c r="A4" s="32"/>
      <c r="B4" s="34"/>
      <c r="C4" s="20"/>
      <c r="D4" s="20"/>
      <c r="E4" s="20"/>
      <c r="F4" s="20"/>
      <c r="G4" s="20"/>
      <c r="H4" s="20"/>
      <c r="I4" s="28"/>
      <c r="J4" s="20"/>
      <c r="K4" s="20"/>
      <c r="L4" s="20"/>
      <c r="M4" s="20"/>
      <c r="N4" s="22"/>
      <c r="O4" s="20"/>
      <c r="P4" s="20"/>
      <c r="Q4" s="20"/>
      <c r="R4" s="20"/>
      <c r="S4" s="22"/>
      <c r="T4" s="20"/>
      <c r="U4" s="24"/>
      <c r="V4" s="30"/>
    </row>
    <row r="5" spans="1:22" ht="22.5" customHeight="1">
      <c r="A5" s="33"/>
      <c r="B5" s="35"/>
      <c r="C5" s="21"/>
      <c r="D5" s="21"/>
      <c r="E5" s="21"/>
      <c r="F5" s="21"/>
      <c r="G5" s="21"/>
      <c r="H5" s="21"/>
      <c r="I5" s="29"/>
      <c r="J5" s="21"/>
      <c r="K5" s="21"/>
      <c r="L5" s="21"/>
      <c r="M5" s="21"/>
      <c r="N5" s="23"/>
      <c r="O5" s="21"/>
      <c r="P5" s="21"/>
      <c r="Q5" s="21"/>
      <c r="R5" s="21"/>
      <c r="S5" s="23"/>
      <c r="T5" s="21"/>
      <c r="U5" s="25"/>
      <c r="V5" s="30"/>
    </row>
    <row r="6" spans="1:22" ht="22.5" customHeight="1">
      <c r="A6" s="6" t="s">
        <v>68</v>
      </c>
      <c r="B6" s="7">
        <v>150</v>
      </c>
      <c r="C6" s="7" t="s">
        <v>0</v>
      </c>
      <c r="D6" s="7" t="s">
        <v>0</v>
      </c>
      <c r="E6" s="7" t="s">
        <v>0</v>
      </c>
      <c r="F6" s="7" t="s">
        <v>0</v>
      </c>
      <c r="G6" s="7">
        <v>16</v>
      </c>
      <c r="H6" s="7">
        <v>47</v>
      </c>
      <c r="I6" s="7">
        <v>1</v>
      </c>
      <c r="J6" s="7">
        <v>1</v>
      </c>
      <c r="K6" s="7">
        <v>3</v>
      </c>
      <c r="L6" s="7">
        <v>30</v>
      </c>
      <c r="M6" s="7" t="s">
        <v>0</v>
      </c>
      <c r="N6" s="7" t="s">
        <v>0</v>
      </c>
      <c r="O6" s="7">
        <v>11</v>
      </c>
      <c r="P6" s="7">
        <v>4</v>
      </c>
      <c r="Q6" s="7" t="s">
        <v>51</v>
      </c>
      <c r="R6" s="7">
        <v>1</v>
      </c>
      <c r="S6" s="7">
        <v>20</v>
      </c>
      <c r="T6" s="7">
        <v>16</v>
      </c>
      <c r="U6" s="7" t="s">
        <v>0</v>
      </c>
      <c r="V6" s="9"/>
    </row>
    <row r="7" spans="1:22" s="10" customFormat="1" ht="22.5" customHeight="1">
      <c r="A7" s="6">
        <v>16</v>
      </c>
      <c r="B7" s="7">
        <v>182</v>
      </c>
      <c r="C7" s="7">
        <v>3</v>
      </c>
      <c r="D7" s="7" t="s">
        <v>0</v>
      </c>
      <c r="E7" s="7" t="s">
        <v>0</v>
      </c>
      <c r="F7" s="7" t="s">
        <v>0</v>
      </c>
      <c r="G7" s="7">
        <v>10</v>
      </c>
      <c r="H7" s="7">
        <v>83</v>
      </c>
      <c r="I7" s="7" t="s">
        <v>0</v>
      </c>
      <c r="J7" s="7" t="s">
        <v>0</v>
      </c>
      <c r="K7" s="7">
        <v>3</v>
      </c>
      <c r="L7" s="7">
        <v>20</v>
      </c>
      <c r="M7" s="7" t="s">
        <v>0</v>
      </c>
      <c r="N7" s="7">
        <v>1</v>
      </c>
      <c r="O7" s="7">
        <v>14</v>
      </c>
      <c r="P7" s="7">
        <v>5</v>
      </c>
      <c r="Q7" s="7" t="s">
        <v>0</v>
      </c>
      <c r="R7" s="7">
        <v>3</v>
      </c>
      <c r="S7" s="7">
        <v>30</v>
      </c>
      <c r="T7" s="7">
        <v>9</v>
      </c>
      <c r="U7" s="7">
        <v>1</v>
      </c>
      <c r="V7" s="12"/>
    </row>
    <row r="8" spans="1:22" s="10" customFormat="1" ht="22.5" customHeight="1">
      <c r="A8" s="6">
        <v>17</v>
      </c>
      <c r="B8" s="7">
        <v>168</v>
      </c>
      <c r="C8" s="7">
        <v>4</v>
      </c>
      <c r="D8" s="7" t="s">
        <v>0</v>
      </c>
      <c r="E8" s="7" t="s">
        <v>0</v>
      </c>
      <c r="F8" s="7" t="s">
        <v>0</v>
      </c>
      <c r="G8" s="7">
        <v>13</v>
      </c>
      <c r="H8" s="7">
        <v>73</v>
      </c>
      <c r="I8" s="7" t="s">
        <v>0</v>
      </c>
      <c r="J8" s="7">
        <v>1</v>
      </c>
      <c r="K8" s="7">
        <v>5</v>
      </c>
      <c r="L8" s="7">
        <v>17</v>
      </c>
      <c r="M8" s="7">
        <v>2</v>
      </c>
      <c r="N8" s="7" t="s">
        <v>0</v>
      </c>
      <c r="O8" s="7">
        <v>12</v>
      </c>
      <c r="P8" s="7">
        <v>5</v>
      </c>
      <c r="Q8" s="7" t="s">
        <v>0</v>
      </c>
      <c r="R8" s="7">
        <v>1</v>
      </c>
      <c r="S8" s="7">
        <v>25</v>
      </c>
      <c r="T8" s="7">
        <v>10</v>
      </c>
      <c r="U8" s="7" t="s">
        <v>0</v>
      </c>
      <c r="V8" s="12"/>
    </row>
    <row r="9" spans="1:22" s="10" customFormat="1" ht="22.5" customHeight="1">
      <c r="A9" s="6">
        <v>18</v>
      </c>
      <c r="B9" s="7">
        <v>149</v>
      </c>
      <c r="C9" s="7">
        <v>2</v>
      </c>
      <c r="D9" s="7" t="s">
        <v>0</v>
      </c>
      <c r="E9" s="7" t="s">
        <v>0</v>
      </c>
      <c r="F9" s="7">
        <v>1</v>
      </c>
      <c r="G9" s="7">
        <v>10</v>
      </c>
      <c r="H9" s="7">
        <v>53</v>
      </c>
      <c r="I9" s="7">
        <v>1</v>
      </c>
      <c r="J9" s="7">
        <v>2</v>
      </c>
      <c r="K9" s="7">
        <v>1</v>
      </c>
      <c r="L9" s="7">
        <v>19</v>
      </c>
      <c r="M9" s="7" t="s">
        <v>0</v>
      </c>
      <c r="N9" s="7" t="s">
        <v>0</v>
      </c>
      <c r="O9" s="7">
        <v>19</v>
      </c>
      <c r="P9" s="7">
        <v>5</v>
      </c>
      <c r="Q9" s="7" t="s">
        <v>0</v>
      </c>
      <c r="R9" s="7">
        <v>2</v>
      </c>
      <c r="S9" s="7">
        <v>16</v>
      </c>
      <c r="T9" s="7">
        <v>18</v>
      </c>
      <c r="U9" s="7" t="s">
        <v>0</v>
      </c>
      <c r="V9" s="12"/>
    </row>
    <row r="10" spans="1:22" s="10" customFormat="1" ht="22.5" customHeight="1">
      <c r="A10" s="17">
        <v>19</v>
      </c>
      <c r="B10" s="8">
        <v>178</v>
      </c>
      <c r="C10" s="8">
        <v>6</v>
      </c>
      <c r="D10" s="8">
        <v>1</v>
      </c>
      <c r="E10" s="8" t="s">
        <v>0</v>
      </c>
      <c r="F10" s="8" t="s">
        <v>0</v>
      </c>
      <c r="G10" s="8">
        <v>14</v>
      </c>
      <c r="H10" s="8">
        <v>79</v>
      </c>
      <c r="I10" s="8">
        <v>1</v>
      </c>
      <c r="J10" s="8">
        <v>2</v>
      </c>
      <c r="K10" s="8">
        <v>4</v>
      </c>
      <c r="L10" s="8">
        <v>16</v>
      </c>
      <c r="M10" s="8">
        <v>1</v>
      </c>
      <c r="N10" s="8">
        <v>1</v>
      </c>
      <c r="O10" s="8">
        <v>14</v>
      </c>
      <c r="P10" s="8">
        <v>8</v>
      </c>
      <c r="Q10" s="8" t="s">
        <v>0</v>
      </c>
      <c r="R10" s="8">
        <v>3</v>
      </c>
      <c r="S10" s="8">
        <v>14</v>
      </c>
      <c r="T10" s="8">
        <v>7</v>
      </c>
      <c r="U10" s="8">
        <v>7</v>
      </c>
      <c r="V10" s="12"/>
    </row>
    <row r="11" spans="1:22" s="10" customFormat="1" ht="22.5" customHeight="1">
      <c r="A11" s="11"/>
      <c r="B11" s="12"/>
      <c r="C11" s="12"/>
      <c r="D11" s="12"/>
      <c r="E11" s="12"/>
      <c r="F11" s="12"/>
      <c r="G11" s="12"/>
      <c r="H11" s="12"/>
      <c r="I11" s="12"/>
      <c r="J11" s="12"/>
      <c r="K11" s="12"/>
      <c r="L11" s="12"/>
      <c r="M11" s="12"/>
      <c r="N11" s="12"/>
      <c r="O11" s="12"/>
      <c r="P11" s="12"/>
      <c r="Q11" s="12"/>
      <c r="R11" s="12"/>
      <c r="S11" s="12"/>
      <c r="T11" s="12"/>
      <c r="U11" s="12"/>
      <c r="V11" s="12"/>
    </row>
    <row r="12" spans="1:22" s="10" customFormat="1" ht="22.5" customHeight="1">
      <c r="A12" s="11"/>
      <c r="B12" s="12"/>
      <c r="C12" s="12"/>
      <c r="D12" s="12"/>
      <c r="E12" s="12"/>
      <c r="F12" s="12"/>
      <c r="G12" s="12"/>
      <c r="H12" s="12"/>
      <c r="I12" s="12"/>
      <c r="J12" s="12"/>
      <c r="K12" s="12"/>
      <c r="L12" s="12"/>
      <c r="M12" s="12"/>
      <c r="N12" s="12"/>
      <c r="O12" s="12"/>
      <c r="P12" s="12"/>
      <c r="Q12" s="12"/>
      <c r="R12" s="12"/>
      <c r="S12" s="12"/>
      <c r="T12" s="12"/>
      <c r="U12" s="12"/>
      <c r="V12" s="18" t="s">
        <v>2</v>
      </c>
    </row>
    <row r="13" spans="1:22" ht="13.5" customHeight="1">
      <c r="A13" s="31" t="s">
        <v>67</v>
      </c>
      <c r="B13" s="14"/>
      <c r="C13" s="15" t="s">
        <v>11</v>
      </c>
      <c r="D13" s="15" t="s">
        <v>37</v>
      </c>
      <c r="E13" s="15" t="s">
        <v>36</v>
      </c>
      <c r="F13" s="15" t="s">
        <v>35</v>
      </c>
      <c r="G13" s="15" t="s">
        <v>34</v>
      </c>
      <c r="H13" s="15" t="s">
        <v>33</v>
      </c>
      <c r="I13" s="15" t="s">
        <v>32</v>
      </c>
      <c r="J13" s="15" t="s">
        <v>31</v>
      </c>
      <c r="K13" s="15" t="s">
        <v>30</v>
      </c>
      <c r="L13" s="15" t="s">
        <v>29</v>
      </c>
      <c r="M13" s="15" t="s">
        <v>28</v>
      </c>
      <c r="N13" s="15" t="s">
        <v>27</v>
      </c>
      <c r="O13" s="15" t="s">
        <v>26</v>
      </c>
      <c r="P13" s="15" t="s">
        <v>25</v>
      </c>
      <c r="Q13" s="15" t="s">
        <v>24</v>
      </c>
      <c r="R13" s="15" t="s">
        <v>23</v>
      </c>
      <c r="S13" s="15" t="s">
        <v>22</v>
      </c>
      <c r="T13" s="15" t="s">
        <v>21</v>
      </c>
      <c r="U13" s="15" t="s">
        <v>20</v>
      </c>
      <c r="V13" s="16" t="s">
        <v>19</v>
      </c>
    </row>
    <row r="14" spans="1:22" ht="22.5" customHeight="1">
      <c r="A14" s="32"/>
      <c r="B14" s="20" t="s">
        <v>1</v>
      </c>
      <c r="C14" s="20" t="s">
        <v>18</v>
      </c>
      <c r="D14" s="20" t="s">
        <v>3</v>
      </c>
      <c r="E14" s="19" t="s">
        <v>52</v>
      </c>
      <c r="F14" s="20" t="s">
        <v>5</v>
      </c>
      <c r="G14" s="20" t="s">
        <v>6</v>
      </c>
      <c r="H14" s="27" t="s">
        <v>56</v>
      </c>
      <c r="I14" s="19" t="s">
        <v>13</v>
      </c>
      <c r="J14" s="19" t="s">
        <v>40</v>
      </c>
      <c r="K14" s="19" t="s">
        <v>41</v>
      </c>
      <c r="L14" s="19" t="s">
        <v>61</v>
      </c>
      <c r="M14" s="26" t="s">
        <v>62</v>
      </c>
      <c r="N14" s="19" t="s">
        <v>64</v>
      </c>
      <c r="O14" s="19" t="s">
        <v>63</v>
      </c>
      <c r="P14" s="19" t="s">
        <v>65</v>
      </c>
      <c r="Q14" s="19" t="s">
        <v>14</v>
      </c>
      <c r="R14" s="19" t="s">
        <v>42</v>
      </c>
      <c r="S14" s="19" t="s">
        <v>15</v>
      </c>
      <c r="T14" s="22" t="s">
        <v>8</v>
      </c>
      <c r="U14" s="20" t="s">
        <v>9</v>
      </c>
      <c r="V14" s="24" t="s">
        <v>16</v>
      </c>
    </row>
    <row r="15" spans="1:22" ht="22.5" customHeight="1">
      <c r="A15" s="32"/>
      <c r="B15" s="34"/>
      <c r="C15" s="20"/>
      <c r="D15" s="20"/>
      <c r="E15" s="20"/>
      <c r="F15" s="20"/>
      <c r="G15" s="20"/>
      <c r="H15" s="28"/>
      <c r="I15" s="20"/>
      <c r="J15" s="20"/>
      <c r="K15" s="20"/>
      <c r="L15" s="20"/>
      <c r="M15" s="22"/>
      <c r="N15" s="20"/>
      <c r="O15" s="20"/>
      <c r="P15" s="20"/>
      <c r="Q15" s="20"/>
      <c r="R15" s="20"/>
      <c r="S15" s="20"/>
      <c r="T15" s="22"/>
      <c r="U15" s="20"/>
      <c r="V15" s="24"/>
    </row>
    <row r="16" spans="1:22" ht="22.5" customHeight="1">
      <c r="A16" s="33"/>
      <c r="B16" s="35"/>
      <c r="C16" s="21"/>
      <c r="D16" s="21"/>
      <c r="E16" s="21"/>
      <c r="F16" s="21"/>
      <c r="G16" s="21"/>
      <c r="H16" s="29"/>
      <c r="I16" s="21"/>
      <c r="J16" s="21"/>
      <c r="K16" s="21"/>
      <c r="L16" s="21"/>
      <c r="M16" s="23"/>
      <c r="N16" s="21"/>
      <c r="O16" s="21"/>
      <c r="P16" s="21"/>
      <c r="Q16" s="21"/>
      <c r="R16" s="21"/>
      <c r="S16" s="21"/>
      <c r="T16" s="23"/>
      <c r="U16" s="21"/>
      <c r="V16" s="25"/>
    </row>
    <row r="17" spans="1:22" ht="22.5" customHeight="1">
      <c r="A17" s="6" t="s">
        <v>69</v>
      </c>
      <c r="B17" s="7">
        <v>172</v>
      </c>
      <c r="C17" s="7">
        <v>6</v>
      </c>
      <c r="D17" s="7" t="s">
        <v>43</v>
      </c>
      <c r="E17" s="7" t="s">
        <v>0</v>
      </c>
      <c r="F17" s="7">
        <v>6</v>
      </c>
      <c r="G17" s="7">
        <v>87</v>
      </c>
      <c r="H17" s="7">
        <v>3</v>
      </c>
      <c r="I17" s="7">
        <v>2</v>
      </c>
      <c r="J17" s="7">
        <v>7</v>
      </c>
      <c r="K17" s="7">
        <v>16</v>
      </c>
      <c r="L17" s="7" t="s">
        <v>47</v>
      </c>
      <c r="M17" s="7" t="s">
        <v>43</v>
      </c>
      <c r="N17" s="7" t="s">
        <v>0</v>
      </c>
      <c r="O17" s="7">
        <v>12</v>
      </c>
      <c r="P17" s="7">
        <v>6</v>
      </c>
      <c r="Q17" s="7" t="s">
        <v>47</v>
      </c>
      <c r="R17" s="7">
        <v>6</v>
      </c>
      <c r="S17" s="7">
        <v>3</v>
      </c>
      <c r="T17" s="7">
        <v>5</v>
      </c>
      <c r="U17" s="7">
        <v>13</v>
      </c>
      <c r="V17" s="7" t="s">
        <v>43</v>
      </c>
    </row>
    <row r="18" spans="1:22" ht="22.5" customHeight="1">
      <c r="A18" s="6">
        <v>21</v>
      </c>
      <c r="B18" s="7">
        <v>125</v>
      </c>
      <c r="C18" s="7">
        <v>4</v>
      </c>
      <c r="D18" s="7" t="s">
        <v>43</v>
      </c>
      <c r="E18" s="7" t="s">
        <v>43</v>
      </c>
      <c r="F18" s="7">
        <v>5</v>
      </c>
      <c r="G18" s="7">
        <v>69</v>
      </c>
      <c r="H18" s="7">
        <v>1</v>
      </c>
      <c r="I18" s="7">
        <v>2</v>
      </c>
      <c r="J18" s="7">
        <v>2</v>
      </c>
      <c r="K18" s="7">
        <v>11</v>
      </c>
      <c r="L18" s="7" t="s">
        <v>44</v>
      </c>
      <c r="M18" s="7" t="s">
        <v>44</v>
      </c>
      <c r="N18" s="7" t="s">
        <v>44</v>
      </c>
      <c r="O18" s="7">
        <v>11</v>
      </c>
      <c r="P18" s="7">
        <v>6</v>
      </c>
      <c r="Q18" s="7" t="s">
        <v>45</v>
      </c>
      <c r="R18" s="7">
        <v>3</v>
      </c>
      <c r="S18" s="7">
        <v>1</v>
      </c>
      <c r="T18" s="7">
        <v>1</v>
      </c>
      <c r="U18" s="7">
        <v>9</v>
      </c>
      <c r="V18" s="7" t="s">
        <v>46</v>
      </c>
    </row>
    <row r="19" spans="1:22" s="10" customFormat="1" ht="22.5" customHeight="1">
      <c r="A19" s="6">
        <v>22</v>
      </c>
      <c r="B19" s="7">
        <v>141</v>
      </c>
      <c r="C19" s="7">
        <v>12</v>
      </c>
      <c r="D19" s="7" t="s">
        <v>0</v>
      </c>
      <c r="E19" s="7" t="s">
        <v>0</v>
      </c>
      <c r="F19" s="7">
        <v>9</v>
      </c>
      <c r="G19" s="7">
        <v>56</v>
      </c>
      <c r="H19" s="7">
        <v>5</v>
      </c>
      <c r="I19" s="7">
        <v>1</v>
      </c>
      <c r="J19" s="7" t="s">
        <v>0</v>
      </c>
      <c r="K19" s="7">
        <v>13</v>
      </c>
      <c r="L19" s="7" t="s">
        <v>0</v>
      </c>
      <c r="M19" s="7" t="s">
        <v>0</v>
      </c>
      <c r="N19" s="7" t="s">
        <v>0</v>
      </c>
      <c r="O19" s="7">
        <v>12</v>
      </c>
      <c r="P19" s="7">
        <v>9</v>
      </c>
      <c r="Q19" s="7" t="s">
        <v>0</v>
      </c>
      <c r="R19" s="7">
        <v>10</v>
      </c>
      <c r="S19" s="7">
        <v>1</v>
      </c>
      <c r="T19" s="7">
        <v>4</v>
      </c>
      <c r="U19" s="7">
        <v>9</v>
      </c>
      <c r="V19" s="7" t="s">
        <v>0</v>
      </c>
    </row>
    <row r="20" spans="1:22" s="10" customFormat="1" ht="22.5" customHeight="1">
      <c r="A20" s="6">
        <v>23</v>
      </c>
      <c r="B20" s="7">
        <v>138</v>
      </c>
      <c r="C20" s="7">
        <v>4</v>
      </c>
      <c r="D20" s="7" t="s">
        <v>0</v>
      </c>
      <c r="E20" s="7" t="s">
        <v>0</v>
      </c>
      <c r="F20" s="7">
        <v>13</v>
      </c>
      <c r="G20" s="7">
        <v>68</v>
      </c>
      <c r="H20" s="7">
        <v>4</v>
      </c>
      <c r="I20" s="7">
        <v>1</v>
      </c>
      <c r="J20" s="7">
        <v>4</v>
      </c>
      <c r="K20" s="7">
        <v>12</v>
      </c>
      <c r="L20" s="7" t="s">
        <v>0</v>
      </c>
      <c r="M20" s="7" t="s">
        <v>0</v>
      </c>
      <c r="N20" s="7" t="s">
        <v>0</v>
      </c>
      <c r="O20" s="7">
        <v>11</v>
      </c>
      <c r="P20" s="7">
        <v>3</v>
      </c>
      <c r="Q20" s="7" t="s">
        <v>0</v>
      </c>
      <c r="R20" s="7">
        <v>8</v>
      </c>
      <c r="S20" s="7">
        <v>1</v>
      </c>
      <c r="T20" s="7">
        <v>4</v>
      </c>
      <c r="U20" s="7">
        <v>5</v>
      </c>
      <c r="V20" s="7" t="s">
        <v>0</v>
      </c>
    </row>
    <row r="21" spans="1:22" ht="23.25" customHeight="1">
      <c r="A21" s="6">
        <v>24</v>
      </c>
      <c r="B21" s="7">
        <v>136</v>
      </c>
      <c r="C21" s="7">
        <v>6</v>
      </c>
      <c r="D21" s="7" t="s">
        <v>17</v>
      </c>
      <c r="E21" s="7" t="s">
        <v>17</v>
      </c>
      <c r="F21" s="7">
        <v>7</v>
      </c>
      <c r="G21" s="7">
        <v>69</v>
      </c>
      <c r="H21" s="7">
        <v>5</v>
      </c>
      <c r="I21" s="7" t="s">
        <v>0</v>
      </c>
      <c r="J21" s="7">
        <v>3</v>
      </c>
      <c r="K21" s="7">
        <v>4</v>
      </c>
      <c r="L21" s="7" t="s">
        <v>0</v>
      </c>
      <c r="M21" s="7" t="s">
        <v>17</v>
      </c>
      <c r="N21" s="7" t="s">
        <v>38</v>
      </c>
      <c r="O21" s="7">
        <v>15</v>
      </c>
      <c r="P21" s="7">
        <v>3</v>
      </c>
      <c r="Q21" s="7" t="s">
        <v>17</v>
      </c>
      <c r="R21" s="7">
        <v>11</v>
      </c>
      <c r="S21" s="7" t="s">
        <v>0</v>
      </c>
      <c r="T21" s="7">
        <v>4</v>
      </c>
      <c r="U21" s="7">
        <v>9</v>
      </c>
      <c r="V21" s="7" t="s">
        <v>0</v>
      </c>
    </row>
    <row r="22" spans="1:22" ht="23.25" customHeight="1">
      <c r="A22" s="6">
        <v>25</v>
      </c>
      <c r="B22" s="7">
        <v>150</v>
      </c>
      <c r="C22" s="7">
        <v>5</v>
      </c>
      <c r="D22" s="7" t="s">
        <v>0</v>
      </c>
      <c r="E22" s="7" t="s">
        <v>0</v>
      </c>
      <c r="F22" s="7">
        <v>14</v>
      </c>
      <c r="G22" s="7">
        <v>55</v>
      </c>
      <c r="H22" s="7">
        <v>4</v>
      </c>
      <c r="I22" s="7" t="s">
        <v>0</v>
      </c>
      <c r="J22" s="7">
        <v>2</v>
      </c>
      <c r="K22" s="7">
        <v>14</v>
      </c>
      <c r="L22" s="7">
        <v>1</v>
      </c>
      <c r="M22" s="7" t="s">
        <v>0</v>
      </c>
      <c r="N22" s="7" t="s">
        <v>38</v>
      </c>
      <c r="O22" s="7">
        <v>17</v>
      </c>
      <c r="P22" s="7">
        <v>2</v>
      </c>
      <c r="Q22" s="7" t="s">
        <v>0</v>
      </c>
      <c r="R22" s="7">
        <v>21</v>
      </c>
      <c r="S22" s="7">
        <v>4</v>
      </c>
      <c r="T22" s="7">
        <v>1</v>
      </c>
      <c r="U22" s="7">
        <v>10</v>
      </c>
      <c r="V22" s="7" t="s">
        <v>0</v>
      </c>
    </row>
    <row r="23" spans="1:22" ht="23.25" customHeight="1">
      <c r="A23" s="6">
        <v>26</v>
      </c>
      <c r="B23" s="8">
        <v>178</v>
      </c>
      <c r="C23" s="8">
        <v>5</v>
      </c>
      <c r="D23" s="8" t="s">
        <v>39</v>
      </c>
      <c r="E23" s="8" t="s">
        <v>39</v>
      </c>
      <c r="F23" s="8">
        <v>6</v>
      </c>
      <c r="G23" s="8">
        <v>60</v>
      </c>
      <c r="H23" s="8">
        <v>9</v>
      </c>
      <c r="I23" s="8">
        <v>1</v>
      </c>
      <c r="J23" s="8">
        <v>10</v>
      </c>
      <c r="K23" s="8">
        <v>17</v>
      </c>
      <c r="L23" s="8" t="s">
        <v>39</v>
      </c>
      <c r="M23" s="8" t="s">
        <v>39</v>
      </c>
      <c r="N23" s="8">
        <v>1</v>
      </c>
      <c r="O23" s="8">
        <v>18</v>
      </c>
      <c r="P23" s="8">
        <v>14</v>
      </c>
      <c r="Q23" s="8" t="s">
        <v>39</v>
      </c>
      <c r="R23" s="8">
        <v>17</v>
      </c>
      <c r="S23" s="8">
        <v>3</v>
      </c>
      <c r="T23" s="8">
        <v>5</v>
      </c>
      <c r="U23" s="8">
        <v>12</v>
      </c>
      <c r="V23" s="8" t="s">
        <v>39</v>
      </c>
    </row>
    <row r="24" spans="1:22" ht="23.25" customHeight="1">
      <c r="A24" s="17">
        <v>27</v>
      </c>
      <c r="B24" s="8">
        <v>199</v>
      </c>
      <c r="C24" s="8">
        <v>11</v>
      </c>
      <c r="D24" s="8">
        <v>1</v>
      </c>
      <c r="E24" s="8" t="s">
        <v>0</v>
      </c>
      <c r="F24" s="8">
        <v>7</v>
      </c>
      <c r="G24" s="8">
        <v>78</v>
      </c>
      <c r="H24" s="8">
        <v>11</v>
      </c>
      <c r="I24" s="8">
        <v>5</v>
      </c>
      <c r="J24" s="8">
        <v>4</v>
      </c>
      <c r="K24" s="8">
        <v>21</v>
      </c>
      <c r="L24" s="8" t="s">
        <v>0</v>
      </c>
      <c r="M24" s="8" t="s">
        <v>0</v>
      </c>
      <c r="N24" s="8">
        <v>1</v>
      </c>
      <c r="O24" s="8">
        <v>20</v>
      </c>
      <c r="P24" s="8">
        <v>13</v>
      </c>
      <c r="Q24" s="8" t="s">
        <v>0</v>
      </c>
      <c r="R24" s="8">
        <v>6</v>
      </c>
      <c r="S24" s="8">
        <v>3</v>
      </c>
      <c r="T24" s="8">
        <v>5</v>
      </c>
      <c r="U24" s="8">
        <v>9</v>
      </c>
      <c r="V24" s="8">
        <v>4</v>
      </c>
    </row>
    <row r="25" spans="1:22" ht="23.25" customHeight="1">
      <c r="A25" s="17">
        <v>28</v>
      </c>
      <c r="B25" s="8">
        <v>161</v>
      </c>
      <c r="C25" s="8">
        <v>5</v>
      </c>
      <c r="D25" s="8" t="s">
        <v>0</v>
      </c>
      <c r="E25" s="8" t="s">
        <v>0</v>
      </c>
      <c r="F25" s="8">
        <v>11</v>
      </c>
      <c r="G25" s="8">
        <v>65</v>
      </c>
      <c r="H25" s="8">
        <v>5</v>
      </c>
      <c r="I25" s="8" t="s">
        <v>55</v>
      </c>
      <c r="J25" s="8">
        <v>5</v>
      </c>
      <c r="K25" s="8">
        <v>18</v>
      </c>
      <c r="L25" s="8" t="s">
        <v>0</v>
      </c>
      <c r="M25" s="8" t="s">
        <v>0</v>
      </c>
      <c r="N25" s="8">
        <v>1</v>
      </c>
      <c r="O25" s="8">
        <v>13</v>
      </c>
      <c r="P25" s="8">
        <v>7</v>
      </c>
      <c r="Q25" s="8" t="s">
        <v>0</v>
      </c>
      <c r="R25" s="8">
        <v>11</v>
      </c>
      <c r="S25" s="8">
        <v>2</v>
      </c>
      <c r="T25" s="8">
        <v>5</v>
      </c>
      <c r="U25" s="8">
        <v>12</v>
      </c>
      <c r="V25" s="8">
        <v>1</v>
      </c>
    </row>
    <row r="26" spans="1:22" ht="23.25" customHeight="1">
      <c r="A26" s="17">
        <v>29</v>
      </c>
      <c r="B26" s="8">
        <v>156</v>
      </c>
      <c r="C26" s="8">
        <v>9</v>
      </c>
      <c r="D26" s="8" t="s">
        <v>0</v>
      </c>
      <c r="E26" s="8" t="s">
        <v>0</v>
      </c>
      <c r="F26" s="8">
        <v>9</v>
      </c>
      <c r="G26" s="8">
        <v>65</v>
      </c>
      <c r="H26" s="8">
        <v>4</v>
      </c>
      <c r="I26" s="8">
        <v>1</v>
      </c>
      <c r="J26" s="8">
        <v>3</v>
      </c>
      <c r="K26" s="8">
        <v>16</v>
      </c>
      <c r="L26" s="8" t="s">
        <v>0</v>
      </c>
      <c r="M26" s="8" t="s">
        <v>0</v>
      </c>
      <c r="N26" s="8">
        <v>2</v>
      </c>
      <c r="O26" s="8">
        <v>12</v>
      </c>
      <c r="P26" s="8">
        <v>11</v>
      </c>
      <c r="Q26" s="8" t="s">
        <v>0</v>
      </c>
      <c r="R26" s="8">
        <v>11</v>
      </c>
      <c r="S26" s="8">
        <v>1</v>
      </c>
      <c r="T26" s="8">
        <v>8</v>
      </c>
      <c r="U26" s="8">
        <v>4</v>
      </c>
      <c r="V26" s="8" t="s">
        <v>0</v>
      </c>
    </row>
    <row r="27" spans="1:22" ht="23.25" customHeight="1">
      <c r="A27" s="17">
        <v>30</v>
      </c>
      <c r="B27" s="8">
        <v>162</v>
      </c>
      <c r="C27" s="8">
        <v>8</v>
      </c>
      <c r="D27" s="8">
        <v>1</v>
      </c>
      <c r="E27" s="8" t="s">
        <v>0</v>
      </c>
      <c r="F27" s="8">
        <v>12</v>
      </c>
      <c r="G27" s="8">
        <v>76</v>
      </c>
      <c r="H27" s="8">
        <v>2</v>
      </c>
      <c r="I27" s="8" t="s">
        <v>0</v>
      </c>
      <c r="J27" s="8">
        <v>4</v>
      </c>
      <c r="K27" s="8">
        <v>10</v>
      </c>
      <c r="L27" s="8" t="s">
        <v>0</v>
      </c>
      <c r="M27" s="8" t="s">
        <v>0</v>
      </c>
      <c r="N27" s="8">
        <v>3</v>
      </c>
      <c r="O27" s="8">
        <v>7</v>
      </c>
      <c r="P27" s="8">
        <v>3</v>
      </c>
      <c r="Q27" s="8">
        <v>1</v>
      </c>
      <c r="R27" s="8">
        <v>9</v>
      </c>
      <c r="S27" s="8">
        <v>3</v>
      </c>
      <c r="T27" s="8">
        <v>11</v>
      </c>
      <c r="U27" s="8">
        <v>10</v>
      </c>
      <c r="V27" s="8">
        <v>2</v>
      </c>
    </row>
    <row r="28" spans="1:22" ht="23.25" customHeight="1">
      <c r="A28" s="17">
        <v>31</v>
      </c>
      <c r="B28" s="8">
        <v>137</v>
      </c>
      <c r="C28" s="8">
        <v>2</v>
      </c>
      <c r="D28" s="8">
        <v>1</v>
      </c>
      <c r="E28" s="8" t="s">
        <v>0</v>
      </c>
      <c r="F28" s="8">
        <v>8</v>
      </c>
      <c r="G28" s="8">
        <v>68</v>
      </c>
      <c r="H28" s="8">
        <v>4</v>
      </c>
      <c r="I28" s="8" t="s">
        <v>0</v>
      </c>
      <c r="J28" s="8">
        <v>4</v>
      </c>
      <c r="K28" s="8">
        <v>8</v>
      </c>
      <c r="L28" s="8" t="s">
        <v>0</v>
      </c>
      <c r="M28" s="8" t="s">
        <v>0</v>
      </c>
      <c r="N28" s="8" t="s">
        <v>0</v>
      </c>
      <c r="O28" s="8">
        <v>16</v>
      </c>
      <c r="P28" s="8">
        <v>2</v>
      </c>
      <c r="Q28" s="8">
        <v>1</v>
      </c>
      <c r="R28" s="8">
        <v>3</v>
      </c>
      <c r="S28" s="8">
        <v>6</v>
      </c>
      <c r="T28" s="8">
        <v>6</v>
      </c>
      <c r="U28" s="8">
        <v>6</v>
      </c>
      <c r="V28" s="8">
        <v>2</v>
      </c>
    </row>
    <row r="29" spans="1:22" ht="16.5" customHeight="1">
      <c r="A29" s="3" t="s">
        <v>53</v>
      </c>
    </row>
    <row r="30" spans="1:22" ht="16.5" customHeight="1">
      <c r="A30" s="3" t="s">
        <v>54</v>
      </c>
    </row>
    <row r="31" spans="1:22" ht="26.25" customHeight="1">
      <c r="A31" s="3" t="s">
        <v>66</v>
      </c>
    </row>
    <row r="32" spans="1:22" ht="36.75" customHeight="1"/>
    <row r="33" ht="13.5" customHeight="1"/>
  </sheetData>
  <mergeCells count="44">
    <mergeCell ref="N3:N5"/>
    <mergeCell ref="B3:B5"/>
    <mergeCell ref="A2:A5"/>
    <mergeCell ref="F3:F5"/>
    <mergeCell ref="G3:G5"/>
    <mergeCell ref="M3:M5"/>
    <mergeCell ref="C3:C5"/>
    <mergeCell ref="J3:J5"/>
    <mergeCell ref="K3:K5"/>
    <mergeCell ref="L3:L5"/>
    <mergeCell ref="D3:D5"/>
    <mergeCell ref="E3:E5"/>
    <mergeCell ref="H3:H5"/>
    <mergeCell ref="I3:I5"/>
    <mergeCell ref="A13:A16"/>
    <mergeCell ref="B14:B16"/>
    <mergeCell ref="C14:C16"/>
    <mergeCell ref="D14:D16"/>
    <mergeCell ref="E14:E16"/>
    <mergeCell ref="V3:V5"/>
    <mergeCell ref="O3:O5"/>
    <mergeCell ref="Q3:Q5"/>
    <mergeCell ref="S3:S5"/>
    <mergeCell ref="U3:U5"/>
    <mergeCell ref="P3:P5"/>
    <mergeCell ref="R3:R5"/>
    <mergeCell ref="T3:T5"/>
    <mergeCell ref="Q14:Q16"/>
    <mergeCell ref="F14:F16"/>
    <mergeCell ref="G14:G16"/>
    <mergeCell ref="H14:H16"/>
    <mergeCell ref="I14:I16"/>
    <mergeCell ref="J14:J16"/>
    <mergeCell ref="K14:K16"/>
    <mergeCell ref="L14:L16"/>
    <mergeCell ref="M14:M16"/>
    <mergeCell ref="N14:N16"/>
    <mergeCell ref="O14:O16"/>
    <mergeCell ref="P14:P16"/>
    <mergeCell ref="R14:R16"/>
    <mergeCell ref="S14:S16"/>
    <mergeCell ref="T14:T16"/>
    <mergeCell ref="U14:U16"/>
    <mergeCell ref="V14:V16"/>
  </mergeCells>
  <phoneticPr fontId="1"/>
  <printOptions horizontalCentered="1"/>
  <pageMargins left="0.19685039370078741" right="0.19685039370078741" top="0.78740157480314965" bottom="0.78740157480314965" header="0.51181102362204722" footer="0.51181102362204722"/>
  <pageSetup paperSize="9" scale="7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0-16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7T23:54:11Z</cp:lastPrinted>
  <dcterms:created xsi:type="dcterms:W3CDTF">1997-01-08T22:48:59Z</dcterms:created>
  <dcterms:modified xsi:type="dcterms:W3CDTF">2021-02-07T23:54:13Z</dcterms:modified>
</cp:coreProperties>
</file>